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4068" autoAdjust="0"/>
  </p:normalViewPr>
  <p:slideViewPr>
    <p:cSldViewPr snapToGrid="0">
      <p:cViewPr>
        <p:scale>
          <a:sx n="100" d="100"/>
          <a:sy n="100" d="100"/>
        </p:scale>
        <p:origin x="1008" y="7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3-2025</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3-2025</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liel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F8C6CC87-2213-72FB-7018-AB77E6771B9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89372" y="5430253"/>
            <a:ext cx="2207545" cy="124947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12F42EB9-F44B-632C-DC3C-26C92ECDA22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99638" y="4401260"/>
            <a:ext cx="1472262" cy="83330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marL="0" indent="0">
              <a:buNone/>
              <a:defRPr/>
            </a:pP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C4D7E8CB-B58B-A347-D4F3-9262F7EB699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5</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3</cp:revision>
  <dcterms:created xsi:type="dcterms:W3CDTF">2019-07-30T10:24:44Z</dcterms:created>
  <dcterms:modified xsi:type="dcterms:W3CDTF">2025-03-04T10:18:05Z</dcterms:modified>
</cp:coreProperties>
</file>